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9-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9-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evente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6F941154-D9D1-2CD5-DF55-E41939BE124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9472" y="4922296"/>
            <a:ext cx="2329056" cy="174679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416DFC28-C3DF-A739-676E-7385C95F013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2905" y="3573573"/>
            <a:ext cx="2329056" cy="174679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2-29T08:10:24Z</dcterms:modified>
</cp:coreProperties>
</file>